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F224DACA-721E-4E2F-94C7-DD3151547EAC}" xr6:coauthVersionLast="47" xr6:coauthVersionMax="47" xr10:uidLastSave="{00000000-0000-0000-0000-000000000000}"/>
  <bookViews>
    <workbookView xWindow="-120" yWindow="-120" windowWidth="20730" windowHeight="11160" xr2:uid="{7238DDB8-0C86-481D-A1E7-30043C7B354D}"/>
  </bookViews>
  <sheets>
    <sheet name="別紙７" sheetId="2" r:id="rId1"/>
    <sheet name="Sheet1" sheetId="1" r:id="rId2"/>
  </sheets>
  <externalReferences>
    <externalReference r:id="rId3"/>
    <externalReference r:id="rId4"/>
    <externalReference r:id="rId5"/>
  </externalReferences>
  <definedNames>
    <definedName name="ｋ">#N/A</definedName>
    <definedName name="_xlnm.Print_Area" localSheetId="0">別紙７!$A$1:$AI$63</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64" uniqueCount="55">
  <si>
    <t>（別紙７）</t>
    <phoneticPr fontId="4"/>
  </si>
  <si>
    <t>従業者の勤務の体制及び勤務形態一覧表　（　　　　年　　　月分）</t>
    <phoneticPr fontId="4"/>
  </si>
  <si>
    <t>サービス種類（　　　　　　　　　　　　　　　　　　　　　）</t>
    <phoneticPr fontId="4"/>
  </si>
  <si>
    <t>事業所・施設名（　　　　　　　　　　　　　　　　　　　　）</t>
    <phoneticPr fontId="4"/>
  </si>
  <si>
    <t>「人員配置区分―　　型」又は「該当する体制等―　　　　　」</t>
    <phoneticPr fontId="4"/>
  </si>
  <si>
    <t>［入所（利用）定員（見込）数等　　　　　名］</t>
    <phoneticPr fontId="4"/>
  </si>
  <si>
    <t>職　種</t>
    <phoneticPr fontId="4"/>
  </si>
  <si>
    <t>勤務　　　　　　　　　　形態</t>
    <phoneticPr fontId="4"/>
  </si>
  <si>
    <t>氏　名</t>
    <phoneticPr fontId="4"/>
  </si>
  <si>
    <t>第1週</t>
  </si>
  <si>
    <t>第2週</t>
  </si>
  <si>
    <t>第3週</t>
  </si>
  <si>
    <t>第4週</t>
  </si>
  <si>
    <t>4週の　　　　　　　　　　合計</t>
    <phoneticPr fontId="4"/>
  </si>
  <si>
    <t>週平均　　　　　　　　　の勤務　　　　　　　　　　　　　時間</t>
    <phoneticPr fontId="4"/>
  </si>
  <si>
    <t>常勤換　　　　　　　　　算後の　　　　　　　　　　　　人数　</t>
    <rPh sb="27" eb="29">
      <t>ニンズウ</t>
    </rPh>
    <phoneticPr fontId="4"/>
  </si>
  <si>
    <t>＊</t>
  </si>
  <si>
    <t>（記載例―1）</t>
    <phoneticPr fontId="4"/>
  </si>
  <si>
    <t>①</t>
  </si>
  <si>
    <t>③</t>
  </si>
  <si>
    <t>②</t>
  </si>
  <si>
    <t>④</t>
  </si>
  <si>
    <t>（記載例―2）</t>
    <phoneticPr fontId="4"/>
  </si>
  <si>
    <t>ab</t>
  </si>
  <si>
    <t>cd</t>
  </si>
  <si>
    <t>e</t>
  </si>
  <si>
    <t>（再掲）
夜勤職員</t>
    <rPh sb="1" eb="3">
      <t>サイケイ</t>
    </rPh>
    <rPh sb="5" eb="7">
      <t>ヤキン</t>
    </rPh>
    <rPh sb="7" eb="9">
      <t>ショクイン</t>
    </rPh>
    <phoneticPr fontId="4"/>
  </si>
  <si>
    <t>１日の夜勤の合計時間</t>
    <rPh sb="1" eb="2">
      <t>ニチ</t>
    </rPh>
    <rPh sb="3" eb="5">
      <t>ヤキン</t>
    </rPh>
    <rPh sb="6" eb="8">
      <t>ゴウケイ</t>
    </rPh>
    <rPh sb="8" eb="10">
      <t>ジカン</t>
    </rPh>
    <phoneticPr fontId="4"/>
  </si>
  <si>
    <t>常勤換算後の人数
（16h換算）</t>
    <rPh sb="0" eb="2">
      <t>ジョウキン</t>
    </rPh>
    <rPh sb="2" eb="4">
      <t>カンザン</t>
    </rPh>
    <rPh sb="4" eb="5">
      <t>ウシ</t>
    </rPh>
    <rPh sb="6" eb="8">
      <t>ニンズウ</t>
    </rPh>
    <rPh sb="13" eb="15">
      <t>カンザン</t>
    </rPh>
    <phoneticPr fontId="4"/>
  </si>
  <si>
    <t>＜配置状況＞</t>
  </si>
  <si>
    <t>看護職員：介護職員</t>
  </si>
  <si>
    <t>　（　　　　：　　　　)</t>
    <phoneticPr fontId="4"/>
  </si>
  <si>
    <t>看護師：准看護師　(日中)</t>
    <rPh sb="2" eb="3">
      <t>シ</t>
    </rPh>
    <rPh sb="7" eb="8">
      <t>シ</t>
    </rPh>
    <phoneticPr fontId="4"/>
  </si>
  <si>
    <t>看護師：准看護師 （夜間）</t>
    <rPh sb="2" eb="3">
      <t>シ</t>
    </rPh>
    <rPh sb="7" eb="8">
      <t>シ</t>
    </rPh>
    <rPh sb="10" eb="12">
      <t>ヤカン</t>
    </rPh>
    <phoneticPr fontId="4"/>
  </si>
  <si>
    <t>備考1　＊欄には、当該月の曜日を記入してください。</t>
    <phoneticPr fontId="4"/>
  </si>
  <si>
    <t>　　2　「人員配置区分」又は「該当する体制等」欄には、別紙「介護給付費算定に係る体制等状況一覧表」に掲げる人員配置区分の類型又は該当する</t>
    <phoneticPr fontId="4"/>
  </si>
  <si>
    <t>　　　体制加算の内容をそのまま記載してください。</t>
    <phoneticPr fontId="4"/>
  </si>
  <si>
    <t>　　3　届出を行う従業者について、4週間分の勤務すべき時間数を記入してください。勤務時間ごとあるいはサービス提供時間単位ごとに区分して</t>
    <phoneticPr fontId="4"/>
  </si>
  <si>
    <t>　　　番号を付し、その番号を記入してください。</t>
    <phoneticPr fontId="4"/>
  </si>
  <si>
    <t>　　　　（記載例1―勤務時間 ①8：30～17：00、②16：30～1：00、③0：30～9：00、④休日）</t>
    <phoneticPr fontId="4"/>
  </si>
  <si>
    <t>　　　　（記載例2―サービス提供時間 a 9：00～12：00、b 13：00～16：00、c 10：30～13：30、d 14：30～17：30、e 休日）</t>
    <phoneticPr fontId="4"/>
  </si>
  <si>
    <t>　　　　　※複数単位実施の場合、その全てを記入のこと。</t>
    <phoneticPr fontId="4"/>
  </si>
  <si>
    <t>　　4　届出する従業者の職種ごとに下記の勤務形態の区分の順にまとめて記載し、「週平均の勤務時間」については、職種ごとのAの小計と、</t>
    <phoneticPr fontId="4"/>
  </si>
  <si>
    <t>　　　Ｂ～Ｄまでを加えた数の小計の行を挿入してください。</t>
    <phoneticPr fontId="4"/>
  </si>
  <si>
    <t>　　　　　勤務形態の区分　Ａ：常勤で専従　Ｂ：常勤で兼務　Ｃ：常勤以外で専従　Ｄ：常勤以外で兼務</t>
    <phoneticPr fontId="4"/>
  </si>
  <si>
    <t>　　5　常勤換算が必要なものについては、Ａ～Ｄの「週平均の勤務時間」をすべて足し、常勤の従業者が週に勤務すべき時間数で割って、</t>
    <phoneticPr fontId="4"/>
  </si>
  <si>
    <t>　　　「常勤換算後の人数」を算出してください。</t>
    <phoneticPr fontId="4"/>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4"/>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4"/>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4"/>
  </si>
  <si>
    <t>　　7　算出にあたっては、小数点以下第2位を切り捨ててください。</t>
    <phoneticPr fontId="4"/>
  </si>
  <si>
    <t>　　8　当該事業所・施設に係る組織体制図を添付してください。</t>
    <phoneticPr fontId="4"/>
  </si>
  <si>
    <t>　　9　各事業所・施設において使用している勤務割表等（変更の届出の場合は変更後の予定勤務割表等）により、届出の対象となる従業者の職種、</t>
    <phoneticPr fontId="4"/>
  </si>
  <si>
    <t>　　　勤務形態、氏名、当該業務の勤務時間及び看護職員と介護職員の配置状況(関係する場合)が確認できる場合はその書類をもって添付書類として</t>
    <phoneticPr fontId="4"/>
  </si>
  <si>
    <t>　　　差し支えありません。</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_ "/>
  </numFmts>
  <fonts count="9" x14ac:knownFonts="1">
    <font>
      <sz val="11"/>
      <color theme="1"/>
      <name val="游ゴシック"/>
      <family val="2"/>
      <charset val="128"/>
      <scheme val="minor"/>
    </font>
    <font>
      <sz val="11"/>
      <name val="ＭＳ Ｐゴシック"/>
      <family val="3"/>
      <charset val="128"/>
    </font>
    <font>
      <sz val="10.5"/>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20"/>
      <name val="HGSｺﾞｼｯｸM"/>
      <family val="3"/>
      <charset val="128"/>
    </font>
    <font>
      <sz val="10"/>
      <name val="HGSｺﾞｼｯｸM"/>
      <family val="3"/>
      <charset val="128"/>
    </font>
    <font>
      <sz val="12"/>
      <name val="HGPｺﾞｼｯｸE"/>
      <family val="3"/>
      <charset val="128"/>
    </font>
  </fonts>
  <fills count="2">
    <fill>
      <patternFill patternType="none"/>
    </fill>
    <fill>
      <patternFill patternType="gray125"/>
    </fill>
  </fills>
  <borders count="23">
    <border>
      <left/>
      <right/>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style="thin">
        <color indexed="64"/>
      </bottom>
      <diagonal/>
    </border>
    <border>
      <left style="double">
        <color indexed="64"/>
      </left>
      <right style="thin">
        <color indexed="64"/>
      </right>
      <top/>
      <bottom/>
      <diagonal/>
    </border>
    <border>
      <left style="thin">
        <color indexed="64"/>
      </left>
      <right style="thin">
        <color indexed="64"/>
      </right>
      <top/>
      <bottom style="thin">
        <color indexed="64"/>
      </bottom>
      <diagonal/>
    </border>
    <border>
      <left style="double">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right style="thin">
        <color indexed="64"/>
      </right>
      <top style="thin">
        <color indexed="64"/>
      </top>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bottom style="dashed">
        <color indexed="64"/>
      </bottom>
      <diagonal/>
    </border>
  </borders>
  <cellStyleXfs count="2">
    <xf numFmtId="0" fontId="0" fillId="0" borderId="0">
      <alignment vertical="center"/>
    </xf>
    <xf numFmtId="0" fontId="1" fillId="0" borderId="0"/>
  </cellStyleXfs>
  <cellXfs count="50">
    <xf numFmtId="0" fontId="0" fillId="0" borderId="0" xfId="0">
      <alignment vertical="center"/>
    </xf>
    <xf numFmtId="0" fontId="2" fillId="0" borderId="0" xfId="1" applyFont="1" applyAlignment="1">
      <alignment horizontal="left"/>
    </xf>
    <xf numFmtId="0" fontId="5" fillId="0" borderId="0" xfId="1" applyFont="1"/>
    <xf numFmtId="0" fontId="2" fillId="0" borderId="0" xfId="1" applyFont="1" applyAlignment="1">
      <alignment horizontal="justify"/>
    </xf>
    <xf numFmtId="0" fontId="2" fillId="0" borderId="0" xfId="1" applyFont="1" applyAlignment="1">
      <alignment vertical="top"/>
    </xf>
    <xf numFmtId="0" fontId="6" fillId="0" borderId="0" xfId="1" applyFont="1" applyAlignment="1">
      <alignment vertical="center"/>
    </xf>
    <xf numFmtId="0" fontId="2" fillId="0" borderId="1" xfId="1" applyFont="1" applyBorder="1" applyAlignment="1">
      <alignment horizontal="center" vertical="center" wrapText="1"/>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4"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center" vertical="center" wrapText="1"/>
    </xf>
    <xf numFmtId="0" fontId="2" fillId="0" borderId="7" xfId="1" applyFont="1" applyBorder="1" applyAlignment="1">
      <alignment horizontal="center" vertical="center" wrapText="1"/>
    </xf>
    <xf numFmtId="0" fontId="2" fillId="0" borderId="8" xfId="1" applyFont="1" applyBorder="1" applyAlignment="1">
      <alignment horizontal="center" vertical="center"/>
    </xf>
    <xf numFmtId="0" fontId="2" fillId="0" borderId="2" xfId="1" applyFont="1" applyBorder="1" applyAlignment="1">
      <alignment horizontal="center" vertical="center"/>
    </xf>
    <xf numFmtId="0" fontId="2" fillId="0" borderId="9" xfId="1" applyFont="1" applyBorder="1" applyAlignment="1">
      <alignment horizontal="center" vertical="center" wrapText="1"/>
    </xf>
    <xf numFmtId="0" fontId="1" fillId="0" borderId="7" xfId="1" applyBorder="1" applyAlignment="1">
      <alignment horizontal="center" vertical="center" wrapText="1"/>
    </xf>
    <xf numFmtId="0" fontId="2" fillId="0" borderId="10" xfId="1" applyFont="1" applyBorder="1" applyAlignment="1">
      <alignment horizontal="center" vertical="center" wrapText="1"/>
    </xf>
    <xf numFmtId="0" fontId="2" fillId="0" borderId="8" xfId="1" applyFont="1" applyBorder="1" applyAlignment="1">
      <alignment horizontal="justify" vertical="center"/>
    </xf>
    <xf numFmtId="0" fontId="2" fillId="0" borderId="2" xfId="1" applyFont="1" applyBorder="1" applyAlignment="1">
      <alignment horizontal="justify" vertical="center"/>
    </xf>
    <xf numFmtId="0" fontId="2" fillId="0" borderId="11" xfId="1" applyFont="1" applyBorder="1" applyAlignment="1">
      <alignment horizontal="center" vertical="center" wrapText="1"/>
    </xf>
    <xf numFmtId="0" fontId="1" fillId="0" borderId="10" xfId="1" applyBorder="1" applyAlignment="1">
      <alignment horizontal="center" vertical="center" wrapText="1"/>
    </xf>
    <xf numFmtId="0" fontId="2" fillId="0" borderId="8" xfId="1" applyFont="1" applyBorder="1" applyAlignment="1">
      <alignment horizontal="center" vertical="center" wrapText="1"/>
    </xf>
    <xf numFmtId="0" fontId="2" fillId="0" borderId="8" xfId="1" applyFont="1" applyBorder="1" applyAlignment="1">
      <alignment horizontal="center" vertical="center" wrapText="1"/>
    </xf>
    <xf numFmtId="0" fontId="2" fillId="0" borderId="8" xfId="1" applyFont="1" applyBorder="1" applyAlignment="1">
      <alignment horizontal="justify" vertical="center" wrapText="1"/>
    </xf>
    <xf numFmtId="0" fontId="2" fillId="0" borderId="2" xfId="1" applyFont="1" applyBorder="1" applyAlignment="1">
      <alignment horizontal="justify" vertical="center" wrapText="1"/>
    </xf>
    <xf numFmtId="0" fontId="2" fillId="0" borderId="12" xfId="1" applyFont="1" applyBorder="1" applyAlignment="1">
      <alignment horizontal="justify" vertical="top" wrapText="1"/>
    </xf>
    <xf numFmtId="0" fontId="2" fillId="0" borderId="8" xfId="1" applyFont="1" applyBorder="1" applyAlignment="1">
      <alignment horizontal="justify" vertical="top" wrapText="1"/>
    </xf>
    <xf numFmtId="0" fontId="2" fillId="0" borderId="2" xfId="1" applyFont="1" applyBorder="1" applyAlignment="1">
      <alignment horizontal="center" vertical="center" wrapText="1"/>
    </xf>
    <xf numFmtId="0" fontId="2" fillId="0" borderId="1" xfId="1" applyFont="1" applyBorder="1" applyAlignment="1">
      <alignment horizontal="justify" vertical="top" wrapText="1"/>
    </xf>
    <xf numFmtId="0" fontId="2" fillId="0" borderId="1" xfId="1" applyFont="1" applyBorder="1" applyAlignment="1">
      <alignment horizontal="center" vertical="center" wrapText="1"/>
    </xf>
    <xf numFmtId="0" fontId="2" fillId="0" borderId="13" xfId="1" applyFont="1" applyBorder="1" applyAlignment="1">
      <alignment horizontal="center" vertical="center" wrapText="1"/>
    </xf>
    <xf numFmtId="0" fontId="2" fillId="0" borderId="13" xfId="1" applyFont="1" applyBorder="1" applyAlignment="1">
      <alignment horizontal="center" vertical="center" shrinkToFit="1"/>
    </xf>
    <xf numFmtId="0" fontId="2" fillId="0" borderId="13" xfId="1" applyFont="1" applyBorder="1" applyAlignment="1">
      <alignment horizontal="center" vertical="center" wrapText="1"/>
    </xf>
    <xf numFmtId="0" fontId="5" fillId="0" borderId="14" xfId="1" applyFont="1" applyBorder="1"/>
    <xf numFmtId="176" fontId="7" fillId="0" borderId="8" xfId="1" applyNumberFormat="1" applyFont="1" applyBorder="1" applyAlignment="1">
      <alignment horizontal="center" vertical="center" wrapText="1"/>
    </xf>
    <xf numFmtId="0" fontId="5" fillId="0" borderId="15" xfId="1" applyFont="1" applyBorder="1"/>
    <xf numFmtId="0" fontId="2" fillId="0" borderId="16" xfId="1" applyFont="1" applyBorder="1" applyAlignment="1">
      <alignment horizontal="justify" vertical="top" wrapText="1"/>
    </xf>
    <xf numFmtId="0" fontId="2" fillId="0" borderId="17" xfId="1" applyFont="1" applyBorder="1" applyAlignment="1">
      <alignment horizontal="justify" vertical="top" wrapText="1"/>
    </xf>
    <xf numFmtId="0" fontId="2" fillId="0" borderId="18" xfId="1" applyFont="1" applyBorder="1" applyAlignment="1">
      <alignment horizontal="left"/>
    </xf>
    <xf numFmtId="0" fontId="2" fillId="0" borderId="0" xfId="1" applyFont="1"/>
    <xf numFmtId="0" fontId="2" fillId="0" borderId="15" xfId="1" applyFont="1" applyBorder="1" applyAlignment="1">
      <alignment horizontal="justify" vertical="top" wrapText="1"/>
    </xf>
    <xf numFmtId="0" fontId="2" fillId="0" borderId="0" xfId="1" applyFont="1" applyAlignment="1">
      <alignment horizontal="justify" vertical="top" wrapText="1"/>
    </xf>
    <xf numFmtId="0" fontId="2" fillId="0" borderId="19" xfId="1" applyFont="1" applyBorder="1" applyAlignment="1">
      <alignment horizontal="left"/>
    </xf>
    <xf numFmtId="0" fontId="5" fillId="0" borderId="20" xfId="1" applyFont="1" applyBorder="1"/>
    <xf numFmtId="0" fontId="5" fillId="0" borderId="21" xfId="1" applyFont="1" applyBorder="1"/>
    <xf numFmtId="0" fontId="5" fillId="0" borderId="17" xfId="1" applyFont="1" applyBorder="1"/>
    <xf numFmtId="0" fontId="5" fillId="0" borderId="0" xfId="1" applyFont="1" applyAlignment="1">
      <alignment horizontal="left" vertical="center"/>
    </xf>
    <xf numFmtId="0" fontId="8" fillId="0" borderId="0" xfId="1" applyFont="1" applyAlignment="1">
      <alignment horizontal="left" vertical="center"/>
    </xf>
    <xf numFmtId="0" fontId="5" fillId="0" borderId="22" xfId="1" applyFont="1" applyBorder="1"/>
  </cellXfs>
  <cellStyles count="2">
    <cellStyle name="標準" xfId="0" builtinId="0"/>
    <cellStyle name="標準 2" xfId="1" xr:uid="{0E865520-20F6-4ECB-92A0-FB98A7B325EB}"/>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E87C6E-C5B6-4F63-B4E5-242D8142E639}">
  <dimension ref="B2:AK89"/>
  <sheetViews>
    <sheetView tabSelected="1" zoomScaleNormal="100" zoomScaleSheetLayoutView="70" workbookViewId="0">
      <selection activeCell="F61" sqref="F61"/>
    </sheetView>
  </sheetViews>
  <sheetFormatPr defaultRowHeight="13.5" x14ac:dyDescent="0.15"/>
  <cols>
    <col min="1" max="1" width="1.5" style="2" customWidth="1"/>
    <col min="2" max="2" width="10" style="2" customWidth="1"/>
    <col min="3" max="3" width="6.75" style="2" customWidth="1"/>
    <col min="4" max="4" width="10" style="2" customWidth="1"/>
    <col min="5" max="32" width="3.875" style="2" customWidth="1"/>
    <col min="33" max="35" width="9" style="2"/>
    <col min="36" max="36" width="2.5" style="2" customWidth="1"/>
    <col min="37" max="16384" width="9" style="2"/>
  </cols>
  <sheetData>
    <row r="2" spans="2:37" x14ac:dyDescent="0.15">
      <c r="B2" s="1" t="s">
        <v>0</v>
      </c>
    </row>
    <row r="3" spans="2:37" x14ac:dyDescent="0.15">
      <c r="B3" s="3"/>
    </row>
    <row r="4" spans="2:37" ht="13.5" customHeight="1" x14ac:dyDescent="0.15">
      <c r="B4" s="1" t="s">
        <v>1</v>
      </c>
      <c r="X4" s="4" t="s">
        <v>2</v>
      </c>
    </row>
    <row r="5" spans="2:37" ht="6.75" customHeight="1" x14ac:dyDescent="0.15">
      <c r="B5" s="1"/>
      <c r="W5" s="4"/>
      <c r="AJ5" s="5"/>
      <c r="AK5" s="5"/>
    </row>
    <row r="6" spans="2:37" ht="13.5" customHeight="1" x14ac:dyDescent="0.15">
      <c r="X6" s="1" t="s">
        <v>3</v>
      </c>
      <c r="AJ6" s="5"/>
      <c r="AK6" s="5"/>
    </row>
    <row r="7" spans="2:37" ht="6.75" customHeight="1" x14ac:dyDescent="0.15">
      <c r="W7" s="1"/>
      <c r="AJ7" s="5"/>
      <c r="AK7" s="5"/>
    </row>
    <row r="8" spans="2:37" ht="14.25" customHeight="1" x14ac:dyDescent="0.15">
      <c r="B8" s="1" t="s">
        <v>4</v>
      </c>
      <c r="AB8" s="1" t="s">
        <v>5</v>
      </c>
      <c r="AJ8" s="5"/>
      <c r="AK8" s="5"/>
    </row>
    <row r="9" spans="2:37" ht="14.25" customHeight="1" x14ac:dyDescent="0.15">
      <c r="B9" s="3"/>
      <c r="AJ9" s="5"/>
      <c r="AK9" s="5"/>
    </row>
    <row r="10" spans="2:37" ht="18" customHeight="1" x14ac:dyDescent="0.15">
      <c r="B10" s="6" t="s">
        <v>6</v>
      </c>
      <c r="C10" s="6" t="s">
        <v>7</v>
      </c>
      <c r="D10" s="6" t="s">
        <v>8</v>
      </c>
      <c r="E10" s="7" t="s">
        <v>9</v>
      </c>
      <c r="F10" s="8"/>
      <c r="G10" s="8"/>
      <c r="H10" s="8"/>
      <c r="I10" s="8"/>
      <c r="J10" s="8"/>
      <c r="K10" s="9"/>
      <c r="L10" s="7" t="s">
        <v>10</v>
      </c>
      <c r="M10" s="8"/>
      <c r="N10" s="8"/>
      <c r="O10" s="8"/>
      <c r="P10" s="8"/>
      <c r="Q10" s="8"/>
      <c r="R10" s="9"/>
      <c r="S10" s="7" t="s">
        <v>11</v>
      </c>
      <c r="T10" s="8"/>
      <c r="U10" s="8"/>
      <c r="V10" s="8"/>
      <c r="W10" s="8"/>
      <c r="X10" s="8"/>
      <c r="Y10" s="9"/>
      <c r="Z10" s="7" t="s">
        <v>12</v>
      </c>
      <c r="AA10" s="8"/>
      <c r="AB10" s="8"/>
      <c r="AC10" s="8"/>
      <c r="AD10" s="8"/>
      <c r="AE10" s="8"/>
      <c r="AF10" s="10"/>
      <c r="AG10" s="11" t="s">
        <v>13</v>
      </c>
      <c r="AH10" s="6" t="s">
        <v>14</v>
      </c>
      <c r="AI10" s="6" t="s">
        <v>15</v>
      </c>
      <c r="AJ10" s="5"/>
      <c r="AK10" s="5"/>
    </row>
    <row r="11" spans="2:37" ht="18" customHeight="1" x14ac:dyDescent="0.15">
      <c r="B11" s="12"/>
      <c r="C11" s="12"/>
      <c r="D11" s="12"/>
      <c r="E11" s="13">
        <v>1</v>
      </c>
      <c r="F11" s="13">
        <v>2</v>
      </c>
      <c r="G11" s="13">
        <v>3</v>
      </c>
      <c r="H11" s="13">
        <v>4</v>
      </c>
      <c r="I11" s="13">
        <v>5</v>
      </c>
      <c r="J11" s="13">
        <v>6</v>
      </c>
      <c r="K11" s="13">
        <v>7</v>
      </c>
      <c r="L11" s="13">
        <v>8</v>
      </c>
      <c r="M11" s="13">
        <v>9</v>
      </c>
      <c r="N11" s="13">
        <v>10</v>
      </c>
      <c r="O11" s="13">
        <v>11</v>
      </c>
      <c r="P11" s="13">
        <v>12</v>
      </c>
      <c r="Q11" s="13">
        <v>13</v>
      </c>
      <c r="R11" s="13">
        <v>14</v>
      </c>
      <c r="S11" s="13">
        <v>15</v>
      </c>
      <c r="T11" s="13">
        <v>16</v>
      </c>
      <c r="U11" s="13">
        <v>17</v>
      </c>
      <c r="V11" s="13">
        <v>18</v>
      </c>
      <c r="W11" s="13">
        <v>19</v>
      </c>
      <c r="X11" s="13">
        <v>20</v>
      </c>
      <c r="Y11" s="13">
        <v>21</v>
      </c>
      <c r="Z11" s="13">
        <v>22</v>
      </c>
      <c r="AA11" s="13">
        <v>23</v>
      </c>
      <c r="AB11" s="13">
        <v>24</v>
      </c>
      <c r="AC11" s="13">
        <v>25</v>
      </c>
      <c r="AD11" s="13">
        <v>26</v>
      </c>
      <c r="AE11" s="13">
        <v>27</v>
      </c>
      <c r="AF11" s="14">
        <v>28</v>
      </c>
      <c r="AG11" s="15"/>
      <c r="AH11" s="16"/>
      <c r="AI11" s="16"/>
      <c r="AJ11" s="5"/>
      <c r="AK11" s="5"/>
    </row>
    <row r="12" spans="2:37" ht="18" customHeight="1" x14ac:dyDescent="0.15">
      <c r="B12" s="17"/>
      <c r="C12" s="17"/>
      <c r="D12" s="17"/>
      <c r="E12" s="13" t="s">
        <v>16</v>
      </c>
      <c r="F12" s="18"/>
      <c r="G12" s="18"/>
      <c r="H12" s="18"/>
      <c r="I12" s="18"/>
      <c r="J12" s="18"/>
      <c r="K12" s="18"/>
      <c r="L12" s="18"/>
      <c r="M12" s="18"/>
      <c r="N12" s="18"/>
      <c r="O12" s="18"/>
      <c r="P12" s="18"/>
      <c r="Q12" s="18"/>
      <c r="R12" s="18"/>
      <c r="S12" s="18"/>
      <c r="T12" s="18"/>
      <c r="U12" s="18"/>
      <c r="V12" s="18"/>
      <c r="W12" s="18"/>
      <c r="X12" s="18"/>
      <c r="Y12" s="18"/>
      <c r="Z12" s="18"/>
      <c r="AA12" s="18"/>
      <c r="AB12" s="18"/>
      <c r="AC12" s="18"/>
      <c r="AD12" s="18"/>
      <c r="AE12" s="18"/>
      <c r="AF12" s="19"/>
      <c r="AG12" s="20"/>
      <c r="AH12" s="21"/>
      <c r="AI12" s="21"/>
      <c r="AJ12" s="5"/>
      <c r="AK12" s="5"/>
    </row>
    <row r="13" spans="2:37" ht="18" customHeight="1" x14ac:dyDescent="0.15">
      <c r="B13" s="22" t="s">
        <v>17</v>
      </c>
      <c r="C13" s="22"/>
      <c r="D13" s="22"/>
      <c r="E13" s="23" t="s">
        <v>18</v>
      </c>
      <c r="F13" s="23" t="s">
        <v>18</v>
      </c>
      <c r="G13" s="23" t="s">
        <v>19</v>
      </c>
      <c r="H13" s="23" t="s">
        <v>20</v>
      </c>
      <c r="I13" s="23" t="s">
        <v>21</v>
      </c>
      <c r="J13" s="23" t="s">
        <v>18</v>
      </c>
      <c r="K13" s="23" t="s">
        <v>21</v>
      </c>
      <c r="L13" s="24"/>
      <c r="M13" s="24"/>
      <c r="N13" s="24"/>
      <c r="O13" s="24"/>
      <c r="P13" s="24"/>
      <c r="Q13" s="24"/>
      <c r="R13" s="24"/>
      <c r="S13" s="24"/>
      <c r="T13" s="24"/>
      <c r="U13" s="24"/>
      <c r="V13" s="24"/>
      <c r="W13" s="24"/>
      <c r="X13" s="24"/>
      <c r="Y13" s="24"/>
      <c r="Z13" s="24"/>
      <c r="AA13" s="24"/>
      <c r="AB13" s="24"/>
      <c r="AC13" s="24"/>
      <c r="AD13" s="24"/>
      <c r="AE13" s="24"/>
      <c r="AF13" s="25"/>
      <c r="AG13" s="26"/>
      <c r="AH13" s="27"/>
      <c r="AI13" s="27"/>
    </row>
    <row r="14" spans="2:37" ht="18" customHeight="1" x14ac:dyDescent="0.15">
      <c r="B14" s="22" t="s">
        <v>22</v>
      </c>
      <c r="C14" s="22"/>
      <c r="D14" s="22"/>
      <c r="E14" s="23" t="s">
        <v>23</v>
      </c>
      <c r="F14" s="23" t="s">
        <v>23</v>
      </c>
      <c r="G14" s="23" t="s">
        <v>23</v>
      </c>
      <c r="H14" s="23" t="s">
        <v>24</v>
      </c>
      <c r="I14" s="23" t="s">
        <v>24</v>
      </c>
      <c r="J14" s="23" t="s">
        <v>25</v>
      </c>
      <c r="K14" s="23" t="s">
        <v>25</v>
      </c>
      <c r="L14" s="24"/>
      <c r="M14" s="24"/>
      <c r="N14" s="24"/>
      <c r="O14" s="24"/>
      <c r="P14" s="24"/>
      <c r="Q14" s="24"/>
      <c r="R14" s="24"/>
      <c r="S14" s="24"/>
      <c r="T14" s="24"/>
      <c r="U14" s="24"/>
      <c r="V14" s="24"/>
      <c r="W14" s="24"/>
      <c r="X14" s="24"/>
      <c r="Y14" s="24"/>
      <c r="Z14" s="24"/>
      <c r="AA14" s="24"/>
      <c r="AB14" s="24"/>
      <c r="AC14" s="24"/>
      <c r="AD14" s="24"/>
      <c r="AE14" s="24"/>
      <c r="AF14" s="25"/>
      <c r="AG14" s="26"/>
      <c r="AH14" s="27"/>
      <c r="AI14" s="27"/>
    </row>
    <row r="15" spans="2:37" ht="18" customHeight="1" x14ac:dyDescent="0.15">
      <c r="B15" s="27"/>
      <c r="C15" s="27"/>
      <c r="D15" s="27"/>
      <c r="E15" s="23"/>
      <c r="F15" s="23"/>
      <c r="G15" s="23"/>
      <c r="H15" s="23"/>
      <c r="I15" s="23"/>
      <c r="J15" s="23"/>
      <c r="K15" s="23"/>
      <c r="L15" s="23"/>
      <c r="M15" s="23"/>
      <c r="N15" s="23"/>
      <c r="O15" s="23"/>
      <c r="P15" s="23"/>
      <c r="Q15" s="23"/>
      <c r="R15" s="23"/>
      <c r="S15" s="23"/>
      <c r="T15" s="23"/>
      <c r="U15" s="23"/>
      <c r="V15" s="23"/>
      <c r="W15" s="23"/>
      <c r="X15" s="23"/>
      <c r="Y15" s="23"/>
      <c r="Z15" s="23"/>
      <c r="AA15" s="23"/>
      <c r="AB15" s="23"/>
      <c r="AC15" s="23"/>
      <c r="AD15" s="23"/>
      <c r="AE15" s="23"/>
      <c r="AF15" s="28"/>
      <c r="AG15" s="26"/>
      <c r="AH15" s="27"/>
      <c r="AI15" s="27"/>
    </row>
    <row r="16" spans="2:37" ht="18" customHeight="1" x14ac:dyDescent="0.15">
      <c r="B16" s="27"/>
      <c r="C16" s="27"/>
      <c r="D16" s="27"/>
      <c r="E16" s="23"/>
      <c r="F16" s="23"/>
      <c r="G16" s="23"/>
      <c r="H16" s="23"/>
      <c r="I16" s="23"/>
      <c r="J16" s="23"/>
      <c r="K16" s="23"/>
      <c r="L16" s="23"/>
      <c r="M16" s="23"/>
      <c r="N16" s="23"/>
      <c r="O16" s="23"/>
      <c r="P16" s="23"/>
      <c r="Q16" s="23"/>
      <c r="R16" s="23"/>
      <c r="S16" s="23"/>
      <c r="T16" s="23"/>
      <c r="U16" s="23"/>
      <c r="V16" s="23"/>
      <c r="W16" s="23"/>
      <c r="X16" s="23"/>
      <c r="Y16" s="23"/>
      <c r="Z16" s="23"/>
      <c r="AA16" s="23"/>
      <c r="AB16" s="23"/>
      <c r="AC16" s="23"/>
      <c r="AD16" s="23"/>
      <c r="AE16" s="23"/>
      <c r="AF16" s="28"/>
      <c r="AG16" s="26"/>
      <c r="AH16" s="27"/>
      <c r="AI16" s="27"/>
    </row>
    <row r="17" spans="2:37" ht="18" customHeight="1" x14ac:dyDescent="0.15">
      <c r="B17" s="27"/>
      <c r="C17" s="27"/>
      <c r="D17" s="27"/>
      <c r="E17" s="23"/>
      <c r="F17" s="23"/>
      <c r="G17" s="23"/>
      <c r="H17" s="23"/>
      <c r="I17" s="23"/>
      <c r="J17" s="23"/>
      <c r="K17" s="23"/>
      <c r="L17" s="23"/>
      <c r="M17" s="23"/>
      <c r="N17" s="23"/>
      <c r="O17" s="23"/>
      <c r="P17" s="23"/>
      <c r="Q17" s="23"/>
      <c r="R17" s="23"/>
      <c r="S17" s="23"/>
      <c r="T17" s="23"/>
      <c r="U17" s="23"/>
      <c r="V17" s="23"/>
      <c r="W17" s="23"/>
      <c r="X17" s="23"/>
      <c r="Y17" s="23"/>
      <c r="Z17" s="23"/>
      <c r="AA17" s="23"/>
      <c r="AB17" s="23"/>
      <c r="AC17" s="23"/>
      <c r="AD17" s="23"/>
      <c r="AE17" s="23"/>
      <c r="AF17" s="28"/>
      <c r="AG17" s="26"/>
      <c r="AH17" s="27"/>
      <c r="AI17" s="27"/>
    </row>
    <row r="18" spans="2:37" ht="18" customHeight="1" x14ac:dyDescent="0.15">
      <c r="B18" s="27"/>
      <c r="C18" s="27"/>
      <c r="D18" s="27"/>
      <c r="E18" s="23"/>
      <c r="F18" s="23"/>
      <c r="G18" s="23"/>
      <c r="H18" s="23"/>
      <c r="I18" s="23"/>
      <c r="J18" s="23"/>
      <c r="K18" s="23"/>
      <c r="L18" s="23"/>
      <c r="M18" s="23"/>
      <c r="N18" s="23"/>
      <c r="O18" s="23"/>
      <c r="P18" s="23"/>
      <c r="Q18" s="23"/>
      <c r="R18" s="23"/>
      <c r="S18" s="23"/>
      <c r="T18" s="23"/>
      <c r="U18" s="23"/>
      <c r="V18" s="23"/>
      <c r="W18" s="23"/>
      <c r="X18" s="23"/>
      <c r="Y18" s="23"/>
      <c r="Z18" s="23"/>
      <c r="AA18" s="23"/>
      <c r="AB18" s="23"/>
      <c r="AC18" s="23"/>
      <c r="AD18" s="23"/>
      <c r="AE18" s="23"/>
      <c r="AF18" s="28"/>
      <c r="AG18" s="26"/>
      <c r="AH18" s="27"/>
      <c r="AI18" s="27"/>
    </row>
    <row r="19" spans="2:37" ht="18" customHeight="1" x14ac:dyDescent="0.15">
      <c r="B19" s="27"/>
      <c r="C19" s="27"/>
      <c r="D19" s="27"/>
      <c r="E19" s="23"/>
      <c r="F19" s="23"/>
      <c r="G19" s="23"/>
      <c r="H19" s="23"/>
      <c r="I19" s="23"/>
      <c r="J19" s="23"/>
      <c r="K19" s="23"/>
      <c r="L19" s="23"/>
      <c r="M19" s="23"/>
      <c r="N19" s="23"/>
      <c r="O19" s="23"/>
      <c r="P19" s="23"/>
      <c r="Q19" s="23"/>
      <c r="R19" s="23"/>
      <c r="S19" s="23"/>
      <c r="T19" s="23"/>
      <c r="U19" s="23"/>
      <c r="V19" s="23"/>
      <c r="W19" s="23"/>
      <c r="X19" s="23"/>
      <c r="Y19" s="23"/>
      <c r="Z19" s="23"/>
      <c r="AA19" s="23"/>
      <c r="AB19" s="23"/>
      <c r="AC19" s="23"/>
      <c r="AD19" s="23"/>
      <c r="AE19" s="23"/>
      <c r="AF19" s="28"/>
      <c r="AG19" s="26"/>
      <c r="AH19" s="27"/>
      <c r="AI19" s="27"/>
    </row>
    <row r="20" spans="2:37" ht="18" customHeight="1" x14ac:dyDescent="0.15">
      <c r="B20" s="27"/>
      <c r="C20" s="27"/>
      <c r="D20" s="27"/>
      <c r="E20" s="23"/>
      <c r="F20" s="23"/>
      <c r="G20" s="23"/>
      <c r="H20" s="23"/>
      <c r="I20" s="23"/>
      <c r="J20" s="23"/>
      <c r="K20" s="23"/>
      <c r="L20" s="23"/>
      <c r="M20" s="23"/>
      <c r="N20" s="23"/>
      <c r="O20" s="23"/>
      <c r="P20" s="23"/>
      <c r="Q20" s="23"/>
      <c r="R20" s="23"/>
      <c r="S20" s="23"/>
      <c r="T20" s="23"/>
      <c r="U20" s="23"/>
      <c r="V20" s="23"/>
      <c r="W20" s="23"/>
      <c r="X20" s="23"/>
      <c r="Y20" s="23"/>
      <c r="Z20" s="23"/>
      <c r="AA20" s="23"/>
      <c r="AB20" s="23"/>
      <c r="AC20" s="23"/>
      <c r="AD20" s="23"/>
      <c r="AE20" s="23"/>
      <c r="AF20" s="28"/>
      <c r="AG20" s="26"/>
      <c r="AH20" s="27"/>
      <c r="AI20" s="27"/>
    </row>
    <row r="21" spans="2:37" ht="18" customHeight="1" x14ac:dyDescent="0.15">
      <c r="B21" s="27"/>
      <c r="C21" s="27"/>
      <c r="D21" s="27"/>
      <c r="E21" s="23"/>
      <c r="F21" s="23"/>
      <c r="G21" s="23"/>
      <c r="H21" s="23"/>
      <c r="I21" s="23"/>
      <c r="J21" s="23"/>
      <c r="K21" s="23"/>
      <c r="L21" s="23"/>
      <c r="M21" s="23"/>
      <c r="N21" s="23"/>
      <c r="O21" s="23"/>
      <c r="P21" s="23"/>
      <c r="Q21" s="23"/>
      <c r="R21" s="23"/>
      <c r="S21" s="23"/>
      <c r="T21" s="23"/>
      <c r="U21" s="23"/>
      <c r="V21" s="23"/>
      <c r="W21" s="23"/>
      <c r="X21" s="23"/>
      <c r="Y21" s="23"/>
      <c r="Z21" s="23"/>
      <c r="AA21" s="23"/>
      <c r="AB21" s="23"/>
      <c r="AC21" s="23"/>
      <c r="AD21" s="23"/>
      <c r="AE21" s="23"/>
      <c r="AF21" s="28"/>
      <c r="AG21" s="26"/>
      <c r="AH21" s="27"/>
      <c r="AI21" s="27"/>
    </row>
    <row r="22" spans="2:37" ht="18" customHeight="1" x14ac:dyDescent="0.15">
      <c r="B22" s="27"/>
      <c r="C22" s="27"/>
      <c r="D22" s="27"/>
      <c r="E22" s="23"/>
      <c r="F22" s="23"/>
      <c r="G22" s="23"/>
      <c r="H22" s="23"/>
      <c r="I22" s="23"/>
      <c r="J22" s="23"/>
      <c r="K22" s="23"/>
      <c r="L22" s="23"/>
      <c r="M22" s="23"/>
      <c r="N22" s="23"/>
      <c r="O22" s="23"/>
      <c r="P22" s="23"/>
      <c r="Q22" s="23"/>
      <c r="R22" s="23"/>
      <c r="S22" s="23"/>
      <c r="T22" s="23"/>
      <c r="U22" s="23"/>
      <c r="V22" s="23"/>
      <c r="W22" s="23"/>
      <c r="X22" s="23"/>
      <c r="Y22" s="23"/>
      <c r="Z22" s="23"/>
      <c r="AA22" s="23"/>
      <c r="AB22" s="23"/>
      <c r="AC22" s="23"/>
      <c r="AD22" s="23"/>
      <c r="AE22" s="23"/>
      <c r="AF22" s="23"/>
      <c r="AG22" s="26"/>
      <c r="AH22" s="27"/>
      <c r="AI22" s="27"/>
    </row>
    <row r="23" spans="2:37" ht="18" customHeight="1" x14ac:dyDescent="0.15">
      <c r="B23" s="27"/>
      <c r="C23" s="27"/>
      <c r="D23" s="27"/>
      <c r="E23" s="23"/>
      <c r="F23" s="23"/>
      <c r="G23" s="23"/>
      <c r="H23" s="23"/>
      <c r="I23" s="23"/>
      <c r="J23" s="23"/>
      <c r="K23" s="23"/>
      <c r="L23" s="23"/>
      <c r="M23" s="23"/>
      <c r="N23" s="23"/>
      <c r="O23" s="23"/>
      <c r="P23" s="23"/>
      <c r="Q23" s="23"/>
      <c r="R23" s="23"/>
      <c r="S23" s="23"/>
      <c r="T23" s="23"/>
      <c r="U23" s="23"/>
      <c r="V23" s="23"/>
      <c r="W23" s="23"/>
      <c r="X23" s="23"/>
      <c r="Y23" s="23"/>
      <c r="Z23" s="23"/>
      <c r="AA23" s="23"/>
      <c r="AB23" s="23"/>
      <c r="AC23" s="23"/>
      <c r="AD23" s="23"/>
      <c r="AE23" s="23"/>
      <c r="AF23" s="23"/>
      <c r="AG23" s="26"/>
      <c r="AH23" s="27"/>
      <c r="AI23" s="27"/>
    </row>
    <row r="24" spans="2:37" ht="18" customHeight="1" thickBot="1" x14ac:dyDescent="0.2">
      <c r="B24" s="29"/>
      <c r="D24" s="29"/>
      <c r="E24" s="30"/>
      <c r="F24" s="30"/>
      <c r="G24" s="30"/>
      <c r="H24" s="30"/>
      <c r="I24" s="30"/>
      <c r="J24" s="30"/>
      <c r="K24" s="30"/>
      <c r="L24" s="30"/>
      <c r="M24" s="30"/>
      <c r="N24" s="30"/>
      <c r="O24" s="30"/>
      <c r="P24" s="30"/>
      <c r="Q24" s="30"/>
      <c r="R24" s="30"/>
      <c r="S24" s="30"/>
      <c r="T24" s="30"/>
      <c r="U24" s="30"/>
      <c r="V24" s="30"/>
      <c r="W24" s="30"/>
      <c r="X24" s="30"/>
      <c r="Y24" s="30"/>
      <c r="Z24" s="30"/>
      <c r="AA24" s="30"/>
      <c r="AB24" s="30"/>
      <c r="AC24" s="30"/>
      <c r="AD24" s="30"/>
      <c r="AE24" s="30"/>
      <c r="AF24" s="30"/>
      <c r="AG24" s="26"/>
      <c r="AH24" s="27"/>
      <c r="AI24" s="27"/>
    </row>
    <row r="25" spans="2:37" ht="18" customHeight="1" thickTop="1" x14ac:dyDescent="0.15">
      <c r="B25" s="31" t="s">
        <v>26</v>
      </c>
      <c r="C25" s="32" t="s">
        <v>27</v>
      </c>
      <c r="D25" s="32"/>
      <c r="E25" s="33"/>
      <c r="F25" s="33"/>
      <c r="G25" s="33"/>
      <c r="H25" s="33"/>
      <c r="I25" s="33"/>
      <c r="J25" s="33"/>
      <c r="K25" s="33"/>
      <c r="L25" s="33"/>
      <c r="M25" s="33"/>
      <c r="N25" s="33"/>
      <c r="O25" s="33"/>
      <c r="P25" s="33"/>
      <c r="Q25" s="33"/>
      <c r="R25" s="33"/>
      <c r="S25" s="33"/>
      <c r="T25" s="33"/>
      <c r="U25" s="33"/>
      <c r="V25" s="33"/>
      <c r="W25" s="33"/>
      <c r="X25" s="33"/>
      <c r="Y25" s="33"/>
      <c r="Z25" s="33"/>
      <c r="AA25" s="33"/>
      <c r="AB25" s="33"/>
      <c r="AC25" s="33"/>
      <c r="AD25" s="33"/>
      <c r="AE25" s="33"/>
      <c r="AF25" s="33"/>
      <c r="AI25" s="34"/>
    </row>
    <row r="26" spans="2:37" ht="30" customHeight="1" x14ac:dyDescent="0.15">
      <c r="B26" s="22"/>
      <c r="C26" s="22" t="s">
        <v>28</v>
      </c>
      <c r="D26" s="22"/>
      <c r="E26" s="35"/>
      <c r="F26" s="35"/>
      <c r="G26" s="35"/>
      <c r="H26" s="35"/>
      <c r="I26" s="35"/>
      <c r="J26" s="35"/>
      <c r="K26" s="35"/>
      <c r="L26" s="35"/>
      <c r="M26" s="35"/>
      <c r="N26" s="35"/>
      <c r="O26" s="35"/>
      <c r="P26" s="35"/>
      <c r="Q26" s="35"/>
      <c r="R26" s="35"/>
      <c r="S26" s="35"/>
      <c r="T26" s="35"/>
      <c r="U26" s="35"/>
      <c r="V26" s="35"/>
      <c r="W26" s="35"/>
      <c r="X26" s="35"/>
      <c r="Y26" s="35"/>
      <c r="Z26" s="35"/>
      <c r="AA26" s="35"/>
      <c r="AB26" s="35"/>
      <c r="AC26" s="35"/>
      <c r="AD26" s="35"/>
      <c r="AE26" s="35"/>
      <c r="AF26" s="35"/>
      <c r="AI26" s="36"/>
    </row>
    <row r="27" spans="2:37" ht="8.25" customHeight="1" x14ac:dyDescent="0.15">
      <c r="B27" s="37"/>
      <c r="C27" s="38"/>
      <c r="D27" s="38"/>
      <c r="E27" s="38"/>
      <c r="F27" s="38"/>
      <c r="G27" s="38"/>
      <c r="H27" s="38"/>
      <c r="I27" s="38"/>
      <c r="J27" s="38"/>
      <c r="K27" s="38"/>
      <c r="L27" s="38"/>
      <c r="M27" s="38"/>
      <c r="N27" s="38"/>
      <c r="O27" s="38"/>
      <c r="P27" s="38"/>
      <c r="Q27" s="38"/>
      <c r="R27" s="38"/>
      <c r="S27" s="38"/>
      <c r="T27" s="38"/>
      <c r="U27" s="38"/>
      <c r="V27" s="38"/>
      <c r="W27" s="38"/>
      <c r="X27" s="38"/>
      <c r="Y27" s="38"/>
      <c r="Z27" s="38"/>
      <c r="AA27" s="38"/>
      <c r="AB27" s="38"/>
      <c r="AC27" s="38"/>
      <c r="AD27" s="38"/>
      <c r="AE27" s="38"/>
      <c r="AF27" s="38"/>
      <c r="AI27" s="36"/>
    </row>
    <row r="28" spans="2:37" x14ac:dyDescent="0.15">
      <c r="B28" s="39" t="s">
        <v>29</v>
      </c>
      <c r="E28" s="40"/>
      <c r="AI28" s="41"/>
      <c r="AJ28" s="42"/>
      <c r="AK28" s="42"/>
    </row>
    <row r="29" spans="2:37" ht="6" customHeight="1" x14ac:dyDescent="0.15">
      <c r="B29" s="39"/>
      <c r="AI29" s="36"/>
    </row>
    <row r="30" spans="2:37" x14ac:dyDescent="0.15">
      <c r="B30" s="39" t="s">
        <v>30</v>
      </c>
      <c r="AI30" s="36"/>
    </row>
    <row r="31" spans="2:37" x14ac:dyDescent="0.15">
      <c r="B31" s="39" t="s">
        <v>31</v>
      </c>
      <c r="AI31" s="36"/>
    </row>
    <row r="32" spans="2:37" ht="6.75" customHeight="1" x14ac:dyDescent="0.15">
      <c r="B32" s="39"/>
      <c r="AI32" s="36"/>
    </row>
    <row r="33" spans="2:35" x14ac:dyDescent="0.15">
      <c r="B33" s="39" t="s">
        <v>32</v>
      </c>
      <c r="AI33" s="36"/>
    </row>
    <row r="34" spans="2:35" x14ac:dyDescent="0.15">
      <c r="B34" s="39" t="s">
        <v>31</v>
      </c>
      <c r="AI34" s="36"/>
    </row>
    <row r="35" spans="2:35" ht="6.75" customHeight="1" x14ac:dyDescent="0.15">
      <c r="B35" s="39"/>
      <c r="AI35" s="36"/>
    </row>
    <row r="36" spans="2:35" x14ac:dyDescent="0.15">
      <c r="B36" s="39" t="s">
        <v>33</v>
      </c>
      <c r="AI36" s="36"/>
    </row>
    <row r="37" spans="2:35" x14ac:dyDescent="0.15">
      <c r="B37" s="39" t="s">
        <v>31</v>
      </c>
      <c r="AI37" s="36"/>
    </row>
    <row r="38" spans="2:35" ht="6" customHeight="1" x14ac:dyDescent="0.15">
      <c r="B38" s="43"/>
      <c r="C38" s="44"/>
      <c r="D38" s="44"/>
      <c r="E38" s="44"/>
      <c r="F38" s="44"/>
      <c r="G38" s="44"/>
      <c r="H38" s="44"/>
      <c r="I38" s="44"/>
      <c r="J38" s="44"/>
      <c r="K38" s="44"/>
      <c r="L38" s="44"/>
      <c r="M38" s="44"/>
      <c r="N38" s="44"/>
      <c r="O38" s="44"/>
      <c r="P38" s="44"/>
      <c r="Q38" s="44"/>
      <c r="R38" s="44"/>
      <c r="S38" s="44"/>
      <c r="T38" s="44"/>
      <c r="U38" s="44"/>
      <c r="V38" s="44"/>
      <c r="W38" s="44"/>
      <c r="X38" s="44"/>
      <c r="Y38" s="44"/>
      <c r="Z38" s="44"/>
      <c r="AA38" s="44"/>
      <c r="AB38" s="44"/>
      <c r="AC38" s="44"/>
      <c r="AD38" s="44"/>
      <c r="AE38" s="44"/>
      <c r="AF38" s="44"/>
      <c r="AG38" s="44"/>
      <c r="AH38" s="44"/>
      <c r="AI38" s="45"/>
    </row>
    <row r="39" spans="2:35" ht="6" customHeight="1" x14ac:dyDescent="0.15">
      <c r="B39" s="1"/>
      <c r="C39" s="46"/>
    </row>
    <row r="40" spans="2:35" ht="6.75" customHeight="1" x14ac:dyDescent="0.15">
      <c r="B40" s="1"/>
    </row>
    <row r="41" spans="2:35" x14ac:dyDescent="0.15">
      <c r="B41" s="47" t="s">
        <v>34</v>
      </c>
    </row>
    <row r="42" spans="2:35" x14ac:dyDescent="0.15">
      <c r="B42" s="47" t="s">
        <v>35</v>
      </c>
    </row>
    <row r="43" spans="2:35" x14ac:dyDescent="0.15">
      <c r="B43" s="47" t="s">
        <v>36</v>
      </c>
    </row>
    <row r="44" spans="2:35" x14ac:dyDescent="0.15">
      <c r="B44" s="47" t="s">
        <v>37</v>
      </c>
    </row>
    <row r="45" spans="2:35" x14ac:dyDescent="0.15">
      <c r="B45" s="47" t="s">
        <v>38</v>
      </c>
    </row>
    <row r="46" spans="2:35" x14ac:dyDescent="0.15">
      <c r="B46" s="47" t="s">
        <v>39</v>
      </c>
    </row>
    <row r="47" spans="2:35" x14ac:dyDescent="0.15">
      <c r="B47" s="47" t="s">
        <v>40</v>
      </c>
    </row>
    <row r="48" spans="2:35" x14ac:dyDescent="0.15">
      <c r="B48" s="47" t="s">
        <v>41</v>
      </c>
    </row>
    <row r="49" spans="2:2" x14ac:dyDescent="0.15">
      <c r="B49" s="47" t="s">
        <v>42</v>
      </c>
    </row>
    <row r="50" spans="2:2" x14ac:dyDescent="0.15">
      <c r="B50" s="47" t="s">
        <v>43</v>
      </c>
    </row>
    <row r="51" spans="2:2" ht="14.25" x14ac:dyDescent="0.15">
      <c r="B51" s="48" t="s">
        <v>44</v>
      </c>
    </row>
    <row r="52" spans="2:2" x14ac:dyDescent="0.15">
      <c r="B52" s="47" t="s">
        <v>45</v>
      </c>
    </row>
    <row r="53" spans="2:2" x14ac:dyDescent="0.15">
      <c r="B53" s="47" t="s">
        <v>46</v>
      </c>
    </row>
    <row r="54" spans="2:2" x14ac:dyDescent="0.15">
      <c r="B54" s="47" t="s">
        <v>47</v>
      </c>
    </row>
    <row r="55" spans="2:2" x14ac:dyDescent="0.15">
      <c r="B55" s="47" t="s">
        <v>48</v>
      </c>
    </row>
    <row r="56" spans="2:2" x14ac:dyDescent="0.15">
      <c r="B56" s="47" t="s">
        <v>49</v>
      </c>
    </row>
    <row r="57" spans="2:2" x14ac:dyDescent="0.15">
      <c r="B57" s="47" t="s">
        <v>50</v>
      </c>
    </row>
    <row r="58" spans="2:2" x14ac:dyDescent="0.15">
      <c r="B58" s="47" t="s">
        <v>51</v>
      </c>
    </row>
    <row r="59" spans="2:2" x14ac:dyDescent="0.15">
      <c r="B59" s="47" t="s">
        <v>52</v>
      </c>
    </row>
    <row r="60" spans="2:2" x14ac:dyDescent="0.15">
      <c r="B60" s="47" t="s">
        <v>53</v>
      </c>
    </row>
    <row r="61" spans="2:2" x14ac:dyDescent="0.15">
      <c r="B61" s="47" t="s">
        <v>54</v>
      </c>
    </row>
    <row r="62" spans="2:2" x14ac:dyDescent="0.15">
      <c r="B62" s="47"/>
    </row>
    <row r="63" spans="2:2" x14ac:dyDescent="0.15">
      <c r="B63" s="47"/>
    </row>
    <row r="64" spans="2:2" x14ac:dyDescent="0.15">
      <c r="B64" s="47"/>
    </row>
    <row r="65" spans="2:2" x14ac:dyDescent="0.15">
      <c r="B65" s="47"/>
    </row>
    <row r="66" spans="2:2" x14ac:dyDescent="0.15">
      <c r="B66" s="47"/>
    </row>
    <row r="67" spans="2:2" x14ac:dyDescent="0.15">
      <c r="B67" s="47"/>
    </row>
    <row r="68" spans="2:2" x14ac:dyDescent="0.15">
      <c r="B68" s="47"/>
    </row>
    <row r="69" spans="2:2" x14ac:dyDescent="0.15">
      <c r="B69" s="47"/>
    </row>
    <row r="70" spans="2:2" x14ac:dyDescent="0.15">
      <c r="B70" s="47"/>
    </row>
    <row r="71" spans="2:2" x14ac:dyDescent="0.15">
      <c r="B71" s="47"/>
    </row>
    <row r="72" spans="2:2" x14ac:dyDescent="0.15">
      <c r="B72" s="47"/>
    </row>
    <row r="73" spans="2:2" x14ac:dyDescent="0.15">
      <c r="B73" s="47"/>
    </row>
    <row r="74" spans="2:2" x14ac:dyDescent="0.15">
      <c r="B74" s="47"/>
    </row>
    <row r="75" spans="2:2" x14ac:dyDescent="0.15">
      <c r="B75" s="47"/>
    </row>
    <row r="76" spans="2:2" x14ac:dyDescent="0.15">
      <c r="B76" s="47"/>
    </row>
    <row r="77" spans="2:2" x14ac:dyDescent="0.15">
      <c r="B77" s="47"/>
    </row>
    <row r="78" spans="2:2" x14ac:dyDescent="0.15">
      <c r="B78" s="47"/>
    </row>
    <row r="79" spans="2:2" x14ac:dyDescent="0.15">
      <c r="B79" s="47"/>
    </row>
    <row r="80" spans="2:2" x14ac:dyDescent="0.15">
      <c r="B80" s="47"/>
    </row>
    <row r="81" spans="2:12" x14ac:dyDescent="0.15">
      <c r="B81" s="47"/>
    </row>
    <row r="82" spans="2:12" x14ac:dyDescent="0.15">
      <c r="B82" s="47"/>
      <c r="L82" s="49"/>
    </row>
    <row r="83" spans="2:12" x14ac:dyDescent="0.15">
      <c r="B83" s="47"/>
    </row>
    <row r="84" spans="2:12" x14ac:dyDescent="0.15">
      <c r="B84" s="47"/>
    </row>
    <row r="85" spans="2:12" x14ac:dyDescent="0.15">
      <c r="B85" s="47"/>
    </row>
    <row r="86" spans="2:12" x14ac:dyDescent="0.15">
      <c r="B86" s="47"/>
    </row>
    <row r="87" spans="2:12" x14ac:dyDescent="0.15">
      <c r="B87" s="47"/>
    </row>
    <row r="88" spans="2:12" x14ac:dyDescent="0.15">
      <c r="B88" s="47"/>
    </row>
    <row r="89" spans="2:12" x14ac:dyDescent="0.15">
      <c r="B89" s="47"/>
    </row>
  </sheetData>
  <mergeCells count="15">
    <mergeCell ref="B25:B26"/>
    <mergeCell ref="C25:D25"/>
    <mergeCell ref="C26:D26"/>
    <mergeCell ref="Z10:AF10"/>
    <mergeCell ref="AG10:AG12"/>
    <mergeCell ref="AH10:AH12"/>
    <mergeCell ref="AI10:AI12"/>
    <mergeCell ref="B13:D13"/>
    <mergeCell ref="B14:D14"/>
    <mergeCell ref="B10:B12"/>
    <mergeCell ref="C10:C12"/>
    <mergeCell ref="D10:D12"/>
    <mergeCell ref="E10:K10"/>
    <mergeCell ref="L10:R10"/>
    <mergeCell ref="S10:Y10"/>
  </mergeCells>
  <phoneticPr fontId="3"/>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C10509-B6DD-4919-8BA1-4E16FC653076}">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７</vt:lpstr>
      <vt:lpstr>Sheet1</vt:lpstr>
      <vt:lpstr>別紙７!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37:43Z</dcterms:created>
  <dcterms:modified xsi:type="dcterms:W3CDTF">2024-03-22T04:38:12Z</dcterms:modified>
</cp:coreProperties>
</file>